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1" d="100"/>
          <a:sy n="71" d="100"/>
        </p:scale>
        <p:origin x="1896" y="72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Relationship Id="rId9" Type="http://schemas.microsoft.com/office/2016/11/relationships/changesInfo" Target="changesInfos/changesInfo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Ayush Babde" userId="a5c3393113e0c482" providerId="LiveId" clId="{9903C5A8-7B78-43F1-B7E3-3B031FA081FD}"/>
    <pc:docChg chg="modSld">
      <pc:chgData name="Ayush Babde" userId="a5c3393113e0c482" providerId="LiveId" clId="{9903C5A8-7B78-43F1-B7E3-3B031FA081FD}" dt="2024-07-15T18:52:06.100" v="52" actId="20577"/>
      <pc:docMkLst>
        <pc:docMk/>
      </pc:docMkLst>
      <pc:sldChg chg="modSp mod">
        <pc:chgData name="Ayush Babde" userId="a5c3393113e0c482" providerId="LiveId" clId="{9903C5A8-7B78-43F1-B7E3-3B031FA081FD}" dt="2024-07-15T18:52:06.100" v="52" actId="20577"/>
        <pc:sldMkLst>
          <pc:docMk/>
          <pc:sldMk cId="3536244107" sldId="576"/>
        </pc:sldMkLst>
        <pc:spChg chg="mod">
          <ac:chgData name="Ayush Babde" userId="a5c3393113e0c482" providerId="LiveId" clId="{9903C5A8-7B78-43F1-B7E3-3B031FA081FD}" dt="2024-07-15T18:52:06.100" v="52" actId="20577"/>
          <ac:spMkLst>
            <pc:docMk/>
            <pc:sldMk cId="3536244107" sldId="576"/>
            <ac:spMk id="5" creationId="{F54D54C5-3879-0426-D0FF-CE56DA36E47E}"/>
          </ac:spMkLst>
        </pc:sp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7/16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1E4C42E2-F55A-4302-8003-B12BED51CC5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08869393"/>
              </p:ext>
            </p:extLst>
          </p:nvPr>
        </p:nvGraphicFramePr>
        <p:xfrm>
          <a:off x="5508314" y="5289344"/>
          <a:ext cx="4377596" cy="141957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787056">
                  <a:extLst>
                    <a:ext uri="{9D8B030D-6E8A-4147-A177-3AD203B41FA5}">
                      <a16:colId xmlns:a16="http://schemas.microsoft.com/office/drawing/2014/main" val="2098793546"/>
                    </a:ext>
                  </a:extLst>
                </a:gridCol>
                <a:gridCol w="893528">
                  <a:extLst>
                    <a:ext uri="{9D8B030D-6E8A-4147-A177-3AD203B41FA5}">
                      <a16:colId xmlns:a16="http://schemas.microsoft.com/office/drawing/2014/main" val="149652313"/>
                    </a:ext>
                  </a:extLst>
                </a:gridCol>
                <a:gridCol w="848506">
                  <a:extLst>
                    <a:ext uri="{9D8B030D-6E8A-4147-A177-3AD203B41FA5}">
                      <a16:colId xmlns:a16="http://schemas.microsoft.com/office/drawing/2014/main" val="2832740102"/>
                    </a:ext>
                  </a:extLst>
                </a:gridCol>
                <a:gridCol w="848506">
                  <a:extLst>
                    <a:ext uri="{9D8B030D-6E8A-4147-A177-3AD203B41FA5}">
                      <a16:colId xmlns:a16="http://schemas.microsoft.com/office/drawing/2014/main" val="3474154647"/>
                    </a:ext>
                  </a:extLst>
                </a:gridCol>
              </a:tblGrid>
              <a:tr h="157730">
                <a:tc rowSpan="2" gridSpan="2">
                  <a:txBody>
                    <a:bodyPr/>
                    <a:lstStyle/>
                    <a:p>
                      <a:pPr algn="l" rtl="0" fontAlgn="ctr"/>
                      <a:r>
                        <a:rPr lang="en-US" sz="1000" u="none" strike="noStrike">
                          <a:effectLst/>
                          <a:highlight>
                            <a:srgbClr val="EAEAEA"/>
                          </a:highlight>
                        </a:rPr>
                        <a:t>Value Based on 8.5% WACC &amp; 0.5% TGR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>
                          <a:effectLst/>
                          <a:highlight>
                            <a:srgbClr val="EAEAEA"/>
                          </a:highlight>
                        </a:rPr>
                        <a:t>Amount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>
                          <a:effectLst/>
                          <a:highlight>
                            <a:srgbClr val="EAEAEA"/>
                          </a:highlight>
                        </a:rPr>
                        <a:t>% of 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917108424"/>
                  </a:ext>
                </a:extLst>
              </a:tr>
              <a:tr h="157730">
                <a:tc gridSpan="2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000" u="none" strike="noStrike">
                          <a:effectLst/>
                          <a:highlight>
                            <a:srgbClr val="EAEAEA"/>
                          </a:highlight>
                        </a:rPr>
                        <a:t>($m)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u="none" strike="noStrike">
                          <a:effectLst/>
                          <a:highlight>
                            <a:srgbClr val="EAEAEA"/>
                          </a:highlight>
                        </a:rPr>
                        <a:t>NPV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770950878"/>
                  </a:ext>
                </a:extLst>
              </a:tr>
              <a:tr h="15773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Present Value of Cashflows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345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46.7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380648075"/>
                  </a:ext>
                </a:extLst>
              </a:tr>
              <a:tr h="15773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PV of Terminal Value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394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53.3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591805600"/>
                  </a:ext>
                </a:extLst>
              </a:tr>
              <a:tr h="15773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  <a:highlight>
                            <a:srgbClr val="DCE6F1"/>
                          </a:highlight>
                        </a:rPr>
                        <a:t>Implied Firm NPV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u="none" strike="noStrike">
                          <a:effectLst/>
                          <a:highlight>
                            <a:srgbClr val="DCE6F1"/>
                          </a:highlight>
                        </a:rPr>
                        <a:t> </a:t>
                      </a:r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  <a:highlight>
                            <a:srgbClr val="DCE6F1"/>
                          </a:highlight>
                        </a:rPr>
                        <a:t>738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  <a:highlight>
                            <a:srgbClr val="DCE6F1"/>
                          </a:highlight>
                        </a:rPr>
                        <a:t>100.0%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655483402"/>
                  </a:ext>
                </a:extLst>
              </a:tr>
              <a:tr h="15773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Net debt &amp; adjustments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(85)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082658111"/>
                  </a:ext>
                </a:extLst>
              </a:tr>
              <a:tr h="15773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  <a:highlight>
                            <a:srgbClr val="DCE6F1"/>
                          </a:highlight>
                        </a:rPr>
                        <a:t>Implied equity value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u="none" strike="noStrike">
                          <a:effectLst/>
                          <a:highlight>
                            <a:srgbClr val="DCE6F1"/>
                          </a:highlight>
                        </a:rPr>
                        <a:t> </a:t>
                      </a:r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  <a:highlight>
                            <a:srgbClr val="DCE6F1"/>
                          </a:highlight>
                        </a:rPr>
                        <a:t>654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  <a:highlight>
                            <a:srgbClr val="DCE6F1"/>
                          </a:highlight>
                        </a:rPr>
                        <a:t> 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930791150"/>
                  </a:ext>
                </a:extLst>
              </a:tr>
              <a:tr h="15773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Implied share price ($c)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329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55451837"/>
                  </a:ext>
                </a:extLst>
              </a:tr>
              <a:tr h="15773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u="none" strike="noStrike">
                          <a:effectLst/>
                        </a:rPr>
                        <a:t>% premium to current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11430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u="none" strike="noStrike">
                          <a:effectLst/>
                        </a:rPr>
                        <a:t>99.1% </a:t>
                      </a:r>
                      <a:endParaRPr lang="en-IN" sz="8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37276242"/>
                  </a:ext>
                </a:extLst>
              </a:tr>
            </a:tbl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F54D54C5-3879-0426-D0FF-CE56DA36E47E}"/>
              </a:ext>
            </a:extLst>
          </p:cNvPr>
          <p:cNvSpPr txBox="1"/>
          <p:nvPr/>
        </p:nvSpPr>
        <p:spPr>
          <a:xfrm>
            <a:off x="744240" y="1545702"/>
            <a:ext cx="9158711" cy="313932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dirty="0"/>
              <a:t>Subject: Final Binding Offer Considerations for </a:t>
            </a:r>
            <a:r>
              <a:rPr lang="en-US" dirty="0" err="1"/>
              <a:t>HappyHour</a:t>
            </a:r>
            <a:r>
              <a:rPr lang="en-US" dirty="0"/>
              <a:t> Co</a:t>
            </a:r>
          </a:p>
          <a:p>
            <a:r>
              <a:rPr lang="en-US" dirty="0"/>
              <a:t>Dear </a:t>
            </a:r>
            <a:r>
              <a:rPr lang="en-US" dirty="0" err="1"/>
              <a:t>WorldWide</a:t>
            </a:r>
            <a:r>
              <a:rPr lang="en-US" dirty="0"/>
              <a:t> Brewing Co. Team,</a:t>
            </a:r>
          </a:p>
          <a:p>
            <a:r>
              <a:rPr lang="en-US" dirty="0"/>
              <a:t>I hope this email finds you well. I wanted to address some key considerations for the final binding offer for </a:t>
            </a:r>
            <a:r>
              <a:rPr lang="en-US" dirty="0" err="1"/>
              <a:t>HappyHour</a:t>
            </a:r>
            <a:r>
              <a:rPr lang="en-US" dirty="0"/>
              <a:t> Co., particularly in light of the recent developments regarding the fire at one of beer packaging plant. </a:t>
            </a:r>
            <a:endParaRPr lang="en-US" b="0" i="0" dirty="0">
              <a:solidFill>
                <a:srgbClr val="000000"/>
              </a:solidFill>
              <a:effectLst/>
              <a:highlight>
                <a:srgbClr val="FFFFFF"/>
              </a:highlight>
              <a:latin typeface="DM Sans" panose="020F0502020204030204" pitchFamily="2" charset="0"/>
            </a:endParaRPr>
          </a:p>
          <a:p>
            <a:pPr algn="l"/>
            <a:r>
              <a:rPr lang="en-US" dirty="0"/>
              <a:t>The fire is expected to result in a 4-5% decrease in FY21E revenue, reducing it to</a:t>
            </a:r>
            <a:r>
              <a:rPr lang="en-US" b="0" i="1" dirty="0">
                <a:solidFill>
                  <a:srgbClr val="000000"/>
                </a:solidFill>
                <a:effectLst/>
                <a:highlight>
                  <a:srgbClr val="FFFFFF"/>
                </a:highlight>
                <a:latin typeface="DM Sans" panose="020F0502020204030204" pitchFamily="2" charset="0"/>
              </a:rPr>
              <a:t> $1,100mm</a:t>
            </a:r>
            <a:endParaRPr lang="en-US" b="0" i="0" dirty="0">
              <a:solidFill>
                <a:srgbClr val="000000"/>
              </a:solidFill>
              <a:effectLst/>
              <a:highlight>
                <a:srgbClr val="FFFFFF"/>
              </a:highlight>
              <a:latin typeface="DM Sans" panose="020F0502020204030204" pitchFamily="2" charset="0"/>
            </a:endParaRPr>
          </a:p>
          <a:p>
            <a:pPr algn="l"/>
            <a:r>
              <a:rPr lang="en-US" dirty="0"/>
              <a:t>Given the Management anticipates reverting to the originally forecasted sales in FY22 and beyond, the fire's impact seems to be a short-term issue.</a:t>
            </a:r>
          </a:p>
          <a:p>
            <a:pPr algn="l"/>
            <a:r>
              <a:rPr lang="en-US" dirty="0"/>
              <a:t>I also wanted to address the recent news report indicating that a competitor is prepared to bid over $650 million for </a:t>
            </a:r>
            <a:r>
              <a:rPr lang="en-US" dirty="0" err="1"/>
              <a:t>HappyHour</a:t>
            </a:r>
            <a:r>
              <a:rPr lang="en-US" dirty="0"/>
              <a:t> Co. This development requires careful consideration as we finalize our binding offer.</a:t>
            </a:r>
          </a:p>
          <a:p>
            <a:pPr algn="l"/>
            <a:r>
              <a:rPr lang="en-US" dirty="0"/>
              <a:t>Conducting an independent verification will help us assess whether the competitor's bid is genuine and based on sound financial analysis.</a:t>
            </a:r>
          </a:p>
          <a:p>
            <a:pPr algn="l"/>
            <a:r>
              <a:rPr lang="en-US" dirty="0"/>
              <a:t>If the news is genuine then a competitive bid at this level underscores the strategic value of </a:t>
            </a:r>
            <a:r>
              <a:rPr lang="en-US" dirty="0" err="1"/>
              <a:t>HappyHour</a:t>
            </a:r>
            <a:r>
              <a:rPr lang="en-US" dirty="0"/>
              <a:t> Co. in the market. It indicates strong interest in the asset, potentially leading to a bidding war. This scenario could drive up the acquisition price, impacting our investment returns</a:t>
            </a:r>
          </a:p>
          <a:p>
            <a:r>
              <a:rPr lang="en-US" dirty="0"/>
              <a:t>Our revised investment recommendation is to proceed with a competitive yet prudent bid, ensuring that we are well-positioned to secure the acquisition while maintaining our financial health.</a:t>
            </a:r>
          </a:p>
          <a:p>
            <a:r>
              <a:rPr lang="en-US" dirty="0"/>
              <a:t>Please let us know if there are any further details or analyses required.</a:t>
            </a:r>
          </a:p>
          <a:p>
            <a:r>
              <a:rPr lang="en-US" dirty="0"/>
              <a:t>Best regards,</a:t>
            </a:r>
          </a:p>
          <a:p>
            <a:pPr algn="l"/>
            <a:r>
              <a:rPr lang="en-US" dirty="0"/>
              <a:t>Ayush</a:t>
            </a:r>
          </a:p>
          <a:p>
            <a:pPr algn="l"/>
            <a:endParaRPr lang="en-US" b="0" i="0" dirty="0">
              <a:solidFill>
                <a:srgbClr val="000000"/>
              </a:solidFill>
              <a:effectLst/>
              <a:highlight>
                <a:srgbClr val="FFFFFF"/>
              </a:highlight>
              <a:latin typeface="DM Sans" panose="020F0502020204030204" pitchFamily="2" charset="0"/>
            </a:endParaRPr>
          </a:p>
        </p:txBody>
      </p:sp>
      <p:sp>
        <p:nvSpPr>
          <p:cNvPr id="8" name="Rectangle 2">
            <a:extLst>
              <a:ext uri="{FF2B5EF4-FFF2-40B4-BE49-F238E27FC236}">
                <a16:creationId xmlns:a16="http://schemas.microsoft.com/office/drawing/2014/main" id="{D81DDBC8-944E-140D-7A19-16E62EB29E3F}"/>
              </a:ext>
            </a:extLst>
          </p:cNvPr>
          <p:cNvSpPr>
            <a:spLocks noChangeArrowheads="1"/>
          </p:cNvSpPr>
          <p:nvPr/>
        </p:nvSpPr>
        <p:spPr bwMode="auto">
          <a:xfrm>
            <a:off x="-2969111" y="-170765"/>
            <a:ext cx="172123" cy="64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</a:pPr>
            <a:r>
              <a: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  <a:t>.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altLang="en-US" sz="18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108</TotalTime>
  <Words>430</Words>
  <Application>Microsoft Office PowerPoint</Application>
  <PresentationFormat>Custom</PresentationFormat>
  <Paragraphs>66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Arial Narrow</vt:lpstr>
      <vt:lpstr>Calibri</vt:lpstr>
      <vt:lpstr>DM Sans</vt:lpstr>
      <vt:lpstr>LF_Ka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Ayush Babde</cp:lastModifiedBy>
  <cp:revision>879</cp:revision>
  <cp:lastPrinted>2020-01-28T09:55:08Z</cp:lastPrinted>
  <dcterms:created xsi:type="dcterms:W3CDTF">2015-06-19T14:55:37Z</dcterms:created>
  <dcterms:modified xsi:type="dcterms:W3CDTF">2024-07-15T18:52:15Z</dcterms:modified>
</cp:coreProperties>
</file>